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76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64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1E32FA"/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D01AA22F-2E06-400B-A8EA-0326CD100313}" v="109" dt="2024-02-13T09:08:28.24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10" d="100"/>
          <a:sy n="110" d="100"/>
        </p:scale>
        <p:origin x="552" y="108"/>
      </p:cViewPr>
      <p:guideLst>
        <p:guide orient="horz" pos="2160"/>
        <p:guide pos="3864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ataly Echezuria" userId="016cf74e-e64d-40ef-b55b-1485ed1ed370" providerId="ADAL" clId="{D01AA22F-2E06-400B-A8EA-0326CD100313}"/>
    <pc:docChg chg="undo custSel addSld delSld modSld">
      <pc:chgData name="Nataly Echezuria" userId="016cf74e-e64d-40ef-b55b-1485ed1ed370" providerId="ADAL" clId="{D01AA22F-2E06-400B-A8EA-0326CD100313}" dt="2024-02-13T09:09:13.793" v="304" actId="478"/>
      <pc:docMkLst>
        <pc:docMk/>
      </pc:docMkLst>
      <pc:sldChg chg="addSp delSp modSp mod">
        <pc:chgData name="Nataly Echezuria" userId="016cf74e-e64d-40ef-b55b-1485ed1ed370" providerId="ADAL" clId="{D01AA22F-2E06-400B-A8EA-0326CD100313}" dt="2024-02-13T09:09:06.387" v="302" actId="12788"/>
        <pc:sldMkLst>
          <pc:docMk/>
          <pc:sldMk cId="3035780936" sldId="271"/>
        </pc:sldMkLst>
        <pc:picChg chg="add mod">
          <ac:chgData name="Nataly Echezuria" userId="016cf74e-e64d-40ef-b55b-1485ed1ed370" providerId="ADAL" clId="{D01AA22F-2E06-400B-A8EA-0326CD100313}" dt="2024-02-13T09:09:06.387" v="302" actId="12788"/>
          <ac:picMkLst>
            <pc:docMk/>
            <pc:sldMk cId="3035780936" sldId="271"/>
            <ac:picMk id="4" creationId="{13FC28FF-0EE8-7081-06AC-27AE7CE06006}"/>
          </ac:picMkLst>
        </pc:picChg>
        <pc:picChg chg="del">
          <ac:chgData name="Nataly Echezuria" userId="016cf74e-e64d-40ef-b55b-1485ed1ed370" providerId="ADAL" clId="{D01AA22F-2E06-400B-A8EA-0326CD100313}" dt="2024-02-13T09:08:53.342" v="297" actId="478"/>
          <ac:picMkLst>
            <pc:docMk/>
            <pc:sldMk cId="3035780936" sldId="271"/>
            <ac:picMk id="6" creationId="{F316D106-FCCF-2EB1-FA37-EA178080709A}"/>
          </ac:picMkLst>
        </pc:picChg>
      </pc:sldChg>
      <pc:sldChg chg="addSp delSp modSp mod setBg">
        <pc:chgData name="Nataly Echezuria" userId="016cf74e-e64d-40ef-b55b-1485ed1ed370" providerId="ADAL" clId="{D01AA22F-2E06-400B-A8EA-0326CD100313}" dt="2024-02-13T09:06:09.976" v="284"/>
        <pc:sldMkLst>
          <pc:docMk/>
          <pc:sldMk cId="245014488" sldId="273"/>
        </pc:sldMkLst>
        <pc:spChg chg="add del mod">
          <ac:chgData name="Nataly Echezuria" userId="016cf74e-e64d-40ef-b55b-1485ed1ed370" providerId="ADAL" clId="{D01AA22F-2E06-400B-A8EA-0326CD100313}" dt="2024-02-13T09:06:05.182" v="282" actId="478"/>
          <ac:spMkLst>
            <pc:docMk/>
            <pc:sldMk cId="245014488" sldId="273"/>
            <ac:spMk id="2" creationId="{E7096AA8-ED80-11F7-467A-55BDF4BC7287}"/>
          </ac:spMkLst>
        </pc:spChg>
        <pc:picChg chg="del">
          <ac:chgData name="Nataly Echezuria" userId="016cf74e-e64d-40ef-b55b-1485ed1ed370" providerId="ADAL" clId="{D01AA22F-2E06-400B-A8EA-0326CD100313}" dt="2024-02-13T09:01:02.902" v="200" actId="478"/>
          <ac:picMkLst>
            <pc:docMk/>
            <pc:sldMk cId="245014488" sldId="273"/>
            <ac:picMk id="3" creationId="{FC188BD4-BC31-85C8-02E8-FFB556CD85A7}"/>
          </ac:picMkLst>
        </pc:picChg>
        <pc:picChg chg="add del mod ord">
          <ac:chgData name="Nataly Echezuria" userId="016cf74e-e64d-40ef-b55b-1485ed1ed370" providerId="ADAL" clId="{D01AA22F-2E06-400B-A8EA-0326CD100313}" dt="2024-02-13T09:06:05.836" v="283" actId="478"/>
          <ac:picMkLst>
            <pc:docMk/>
            <pc:sldMk cId="245014488" sldId="273"/>
            <ac:picMk id="5" creationId="{DD816BE6-39CB-A133-A074-E70DF1108BED}"/>
          </ac:picMkLst>
        </pc:picChg>
        <pc:picChg chg="add mod">
          <ac:chgData name="Nataly Echezuria" userId="016cf74e-e64d-40ef-b55b-1485ed1ed370" providerId="ADAL" clId="{D01AA22F-2E06-400B-A8EA-0326CD100313}" dt="2024-02-13T09:06:09.976" v="284"/>
          <ac:picMkLst>
            <pc:docMk/>
            <pc:sldMk cId="245014488" sldId="273"/>
            <ac:picMk id="7" creationId="{CE62E719-1349-E115-9127-3E5DDC55CCEF}"/>
          </ac:picMkLst>
        </pc:picChg>
      </pc:sldChg>
      <pc:sldChg chg="addSp delSp modSp mod setBg">
        <pc:chgData name="Nataly Echezuria" userId="016cf74e-e64d-40ef-b55b-1485ed1ed370" providerId="ADAL" clId="{D01AA22F-2E06-400B-A8EA-0326CD100313}" dt="2024-02-13T09:09:13.793" v="304" actId="478"/>
        <pc:sldMkLst>
          <pc:docMk/>
          <pc:sldMk cId="789460267" sldId="274"/>
        </pc:sldMkLst>
        <pc:spChg chg="add del mod">
          <ac:chgData name="Nataly Echezuria" userId="016cf74e-e64d-40ef-b55b-1485ed1ed370" providerId="ADAL" clId="{D01AA22F-2E06-400B-A8EA-0326CD100313}" dt="2024-02-13T09:09:13.793" v="304" actId="478"/>
          <ac:spMkLst>
            <pc:docMk/>
            <pc:sldMk cId="789460267" sldId="274"/>
            <ac:spMk id="2" creationId="{5537DDE2-5391-87BC-7A64-D844E2D44605}"/>
          </ac:spMkLst>
        </pc:spChg>
        <pc:spChg chg="mod">
          <ac:chgData name="Nataly Echezuria" userId="016cf74e-e64d-40ef-b55b-1485ed1ed370" providerId="ADAL" clId="{D01AA22F-2E06-400B-A8EA-0326CD100313}" dt="2024-02-13T09:08:28.248" v="292"/>
          <ac:spMkLst>
            <pc:docMk/>
            <pc:sldMk cId="789460267" sldId="274"/>
            <ac:spMk id="4" creationId="{A85BBC94-9792-C8EC-61DC-BF369B18EA3D}"/>
          </ac:spMkLst>
        </pc:spChg>
        <pc:spChg chg="mod">
          <ac:chgData name="Nataly Echezuria" userId="016cf74e-e64d-40ef-b55b-1485ed1ed370" providerId="ADAL" clId="{D01AA22F-2E06-400B-A8EA-0326CD100313}" dt="2024-02-13T09:08:28.248" v="292"/>
          <ac:spMkLst>
            <pc:docMk/>
            <pc:sldMk cId="789460267" sldId="274"/>
            <ac:spMk id="6" creationId="{516D781D-4F40-1D7C-0FCB-B7D2EBFAB88F}"/>
          </ac:spMkLst>
        </pc:spChg>
        <pc:spChg chg="mod">
          <ac:chgData name="Nataly Echezuria" userId="016cf74e-e64d-40ef-b55b-1485ed1ed370" providerId="ADAL" clId="{D01AA22F-2E06-400B-A8EA-0326CD100313}" dt="2024-02-13T09:08:28.248" v="292"/>
          <ac:spMkLst>
            <pc:docMk/>
            <pc:sldMk cId="789460267" sldId="274"/>
            <ac:spMk id="8" creationId="{C2E5D4AF-93B7-E0D0-830E-67948BC6B28B}"/>
          </ac:spMkLst>
        </pc:spChg>
        <pc:grpChg chg="add del mod ord">
          <ac:chgData name="Nataly Echezuria" userId="016cf74e-e64d-40ef-b55b-1485ed1ed370" providerId="ADAL" clId="{D01AA22F-2E06-400B-A8EA-0326CD100313}" dt="2024-02-13T09:09:13.461" v="303" actId="478"/>
          <ac:grpSpMkLst>
            <pc:docMk/>
            <pc:sldMk cId="789460267" sldId="274"/>
            <ac:grpSpMk id="3" creationId="{CE0A4ADA-842A-2C36-917A-6368E2AD4C7C}"/>
          </ac:grpSpMkLst>
        </pc:grpChg>
      </pc:sldChg>
      <pc:sldChg chg="addSp delSp modSp del mod">
        <pc:chgData name="Nataly Echezuria" userId="016cf74e-e64d-40ef-b55b-1485ed1ed370" providerId="ADAL" clId="{D01AA22F-2E06-400B-A8EA-0326CD100313}" dt="2024-02-13T08:34:48.497" v="189" actId="47"/>
        <pc:sldMkLst>
          <pc:docMk/>
          <pc:sldMk cId="4180807186" sldId="275"/>
        </pc:sldMkLst>
        <pc:picChg chg="add del mod">
          <ac:chgData name="Nataly Echezuria" userId="016cf74e-e64d-40ef-b55b-1485ed1ed370" providerId="ADAL" clId="{D01AA22F-2E06-400B-A8EA-0326CD100313}" dt="2024-02-13T08:30:46.494" v="99" actId="21"/>
          <ac:picMkLst>
            <pc:docMk/>
            <pc:sldMk cId="4180807186" sldId="275"/>
            <ac:picMk id="2" creationId="{7FE24BFF-7E40-F51E-7F04-166DFC63893B}"/>
          </ac:picMkLst>
        </pc:picChg>
      </pc:sldChg>
      <pc:sldChg chg="addSp delSp modSp add mod setBg">
        <pc:chgData name="Nataly Echezuria" userId="016cf74e-e64d-40ef-b55b-1485ed1ed370" providerId="ADAL" clId="{D01AA22F-2E06-400B-A8EA-0326CD100313}" dt="2024-02-13T09:04:34.454" v="280"/>
        <pc:sldMkLst>
          <pc:docMk/>
          <pc:sldMk cId="4029272744" sldId="276"/>
        </pc:sldMkLst>
        <pc:spChg chg="add del mod">
          <ac:chgData name="Nataly Echezuria" userId="016cf74e-e64d-40ef-b55b-1485ed1ed370" providerId="ADAL" clId="{D01AA22F-2E06-400B-A8EA-0326CD100313}" dt="2024-02-13T09:04:15.452" v="272" actId="478"/>
          <ac:spMkLst>
            <pc:docMk/>
            <pc:sldMk cId="4029272744" sldId="276"/>
            <ac:spMk id="5" creationId="{BD0B98CE-00F4-2E87-2BB0-53F4FCDEB691}"/>
          </ac:spMkLst>
        </pc:spChg>
        <pc:spChg chg="add del mod">
          <ac:chgData name="Nataly Echezuria" userId="016cf74e-e64d-40ef-b55b-1485ed1ed370" providerId="ADAL" clId="{D01AA22F-2E06-400B-A8EA-0326CD100313}" dt="2024-02-13T09:04:10.629" v="268" actId="478"/>
          <ac:spMkLst>
            <pc:docMk/>
            <pc:sldMk cId="4029272744" sldId="276"/>
            <ac:spMk id="6" creationId="{5A9382B2-9FE1-6730-7AB4-D20A1015E9F9}"/>
          </ac:spMkLst>
        </pc:spChg>
        <pc:spChg chg="add del mod">
          <ac:chgData name="Nataly Echezuria" userId="016cf74e-e64d-40ef-b55b-1485ed1ed370" providerId="ADAL" clId="{D01AA22F-2E06-400B-A8EA-0326CD100313}" dt="2024-02-13T09:04:09.441" v="267" actId="478"/>
          <ac:spMkLst>
            <pc:docMk/>
            <pc:sldMk cId="4029272744" sldId="276"/>
            <ac:spMk id="7" creationId="{41220F99-5A2F-8B2D-332F-1712E2059BC9}"/>
          </ac:spMkLst>
        </pc:spChg>
        <pc:spChg chg="add del mod">
          <ac:chgData name="Nataly Echezuria" userId="016cf74e-e64d-40ef-b55b-1485ed1ed370" providerId="ADAL" clId="{D01AA22F-2E06-400B-A8EA-0326CD100313}" dt="2024-02-13T09:04:08.893" v="266" actId="478"/>
          <ac:spMkLst>
            <pc:docMk/>
            <pc:sldMk cId="4029272744" sldId="276"/>
            <ac:spMk id="15" creationId="{D3AE8D98-8853-0B10-74E7-5E9DDEF0FF0A}"/>
          </ac:spMkLst>
        </pc:spChg>
        <pc:spChg chg="add del mod">
          <ac:chgData name="Nataly Echezuria" userId="016cf74e-e64d-40ef-b55b-1485ed1ed370" providerId="ADAL" clId="{D01AA22F-2E06-400B-A8EA-0326CD100313}" dt="2024-02-13T09:04:12.632" v="269" actId="478"/>
          <ac:spMkLst>
            <pc:docMk/>
            <pc:sldMk cId="4029272744" sldId="276"/>
            <ac:spMk id="16" creationId="{7BEB25E8-17E2-6C5E-C1DB-7FB151B93B3D}"/>
          </ac:spMkLst>
        </pc:spChg>
        <pc:spChg chg="add del mod">
          <ac:chgData name="Nataly Echezuria" userId="016cf74e-e64d-40ef-b55b-1485ed1ed370" providerId="ADAL" clId="{D01AA22F-2E06-400B-A8EA-0326CD100313}" dt="2024-02-13T09:04:14.334" v="270" actId="478"/>
          <ac:spMkLst>
            <pc:docMk/>
            <pc:sldMk cId="4029272744" sldId="276"/>
            <ac:spMk id="18" creationId="{3932D49B-5A33-9CDD-F8CF-D8B7B14E74B5}"/>
          </ac:spMkLst>
        </pc:spChg>
        <pc:picChg chg="del">
          <ac:chgData name="Nataly Echezuria" userId="016cf74e-e64d-40ef-b55b-1485ed1ed370" providerId="ADAL" clId="{D01AA22F-2E06-400B-A8EA-0326CD100313}" dt="2024-02-13T08:15:34.588" v="1" actId="478"/>
          <ac:picMkLst>
            <pc:docMk/>
            <pc:sldMk cId="4029272744" sldId="276"/>
            <ac:picMk id="3" creationId="{FB9EAF09-72B7-1010-F5D7-6E760CC1A149}"/>
          </ac:picMkLst>
        </pc:picChg>
        <pc:picChg chg="add del mod replST modCrop">
          <ac:chgData name="Nataly Echezuria" userId="016cf74e-e64d-40ef-b55b-1485ed1ed370" providerId="ADAL" clId="{D01AA22F-2E06-400B-A8EA-0326CD100313}" dt="2024-02-13T09:04:16.006" v="273" actId="478"/>
          <ac:picMkLst>
            <pc:docMk/>
            <pc:sldMk cId="4029272744" sldId="276"/>
            <ac:picMk id="4" creationId="{5BF30D94-760E-8F99-2453-B1A8BBC60CA5}"/>
          </ac:picMkLst>
        </pc:picChg>
        <pc:picChg chg="add del mod">
          <ac:chgData name="Nataly Echezuria" userId="016cf74e-e64d-40ef-b55b-1485ed1ed370" providerId="ADAL" clId="{D01AA22F-2E06-400B-A8EA-0326CD100313}" dt="2024-02-13T08:29:04.360" v="29" actId="478"/>
          <ac:picMkLst>
            <pc:docMk/>
            <pc:sldMk cId="4029272744" sldId="276"/>
            <ac:picMk id="9" creationId="{CEC4B721-8DC4-52A7-87B4-042D613C2FAB}"/>
          </ac:picMkLst>
        </pc:picChg>
        <pc:picChg chg="add del mod ord replST">
          <ac:chgData name="Nataly Echezuria" userId="016cf74e-e64d-40ef-b55b-1485ed1ed370" providerId="ADAL" clId="{D01AA22F-2E06-400B-A8EA-0326CD100313}" dt="2024-02-13T09:04:08.022" v="265" actId="478"/>
          <ac:picMkLst>
            <pc:docMk/>
            <pc:sldMk cId="4029272744" sldId="276"/>
            <ac:picMk id="11" creationId="{97F6EA8E-34C4-7855-92FA-52BBCDBFF24D}"/>
          </ac:picMkLst>
        </pc:picChg>
        <pc:picChg chg="add del mod ord replST">
          <ac:chgData name="Nataly Echezuria" userId="016cf74e-e64d-40ef-b55b-1485ed1ed370" providerId="ADAL" clId="{D01AA22F-2E06-400B-A8EA-0326CD100313}" dt="2024-02-13T08:30:25.115" v="91" actId="21"/>
          <ac:picMkLst>
            <pc:docMk/>
            <pc:sldMk cId="4029272744" sldId="276"/>
            <ac:picMk id="13" creationId="{BE3A2F90-226E-3889-F255-E27D7925E224}"/>
          </ac:picMkLst>
        </pc:picChg>
        <pc:picChg chg="add del mod">
          <ac:chgData name="Nataly Echezuria" userId="016cf74e-e64d-40ef-b55b-1485ed1ed370" providerId="ADAL" clId="{D01AA22F-2E06-400B-A8EA-0326CD100313}" dt="2024-02-13T09:04:15.120" v="271" actId="478"/>
          <ac:picMkLst>
            <pc:docMk/>
            <pc:sldMk cId="4029272744" sldId="276"/>
            <ac:picMk id="14" creationId="{BF82C3A6-2D99-48BC-474A-8D60FA4D0EE6}"/>
          </ac:picMkLst>
        </pc:picChg>
        <pc:picChg chg="add mod">
          <ac:chgData name="Nataly Echezuria" userId="016cf74e-e64d-40ef-b55b-1485ed1ed370" providerId="ADAL" clId="{D01AA22F-2E06-400B-A8EA-0326CD100313}" dt="2024-02-13T09:04:34.454" v="280"/>
          <ac:picMkLst>
            <pc:docMk/>
            <pc:sldMk cId="4029272744" sldId="276"/>
            <ac:picMk id="20" creationId="{A9FC014B-1050-5874-157B-8F12A79886A3}"/>
          </ac:picMkLst>
        </pc:picChg>
      </pc:sldChg>
      <pc:sldChg chg="delSp add del mod">
        <pc:chgData name="Nataly Echezuria" userId="016cf74e-e64d-40ef-b55b-1485ed1ed370" providerId="ADAL" clId="{D01AA22F-2E06-400B-A8EA-0326CD100313}" dt="2024-02-13T09:04:42.740" v="281" actId="47"/>
        <pc:sldMkLst>
          <pc:docMk/>
          <pc:sldMk cId="2096304600" sldId="277"/>
        </pc:sldMkLst>
        <pc:spChg chg="del">
          <ac:chgData name="Nataly Echezuria" userId="016cf74e-e64d-40ef-b55b-1485ed1ed370" providerId="ADAL" clId="{D01AA22F-2E06-400B-A8EA-0326CD100313}" dt="2024-02-13T08:35:03.652" v="193" actId="478"/>
          <ac:spMkLst>
            <pc:docMk/>
            <pc:sldMk cId="2096304600" sldId="277"/>
            <ac:spMk id="16" creationId="{7BEB25E8-17E2-6C5E-C1DB-7FB151B93B3D}"/>
          </ac:spMkLst>
        </pc:spChg>
      </pc:sldChg>
      <pc:sldChg chg="add del">
        <pc:chgData name="Nataly Echezuria" userId="016cf74e-e64d-40ef-b55b-1485ed1ed370" providerId="ADAL" clId="{D01AA22F-2E06-400B-A8EA-0326CD100313}" dt="2024-02-13T08:34:55.262" v="191" actId="47"/>
        <pc:sldMkLst>
          <pc:docMk/>
          <pc:sldMk cId="2856073635" sldId="277"/>
        </pc:sldMkLst>
      </pc:sldChg>
    </pc:docChg>
  </pc:docChgLst>
  <pc:docChgLst>
    <pc:chgData name="Nataly Echezuria" userId="016cf74e-e64d-40ef-b55b-1485ed1ed370" providerId="ADAL" clId="{D00FD2DA-52AB-4AB7-87BB-A055188DBD38}"/>
    <pc:docChg chg="custSel modSld">
      <pc:chgData name="Nataly Echezuria" userId="016cf74e-e64d-40ef-b55b-1485ed1ed370" providerId="ADAL" clId="{D00FD2DA-52AB-4AB7-87BB-A055188DBD38}" dt="2024-02-07T09:12:05.459" v="6"/>
      <pc:docMkLst>
        <pc:docMk/>
      </pc:docMkLst>
      <pc:sldChg chg="addSp delSp modSp mod">
        <pc:chgData name="Nataly Echezuria" userId="016cf74e-e64d-40ef-b55b-1485ed1ed370" providerId="ADAL" clId="{D00FD2DA-52AB-4AB7-87BB-A055188DBD38}" dt="2024-02-07T09:12:05.459" v="6"/>
        <pc:sldMkLst>
          <pc:docMk/>
          <pc:sldMk cId="245014488" sldId="273"/>
        </pc:sldMkLst>
        <pc:picChg chg="add mod">
          <ac:chgData name="Nataly Echezuria" userId="016cf74e-e64d-40ef-b55b-1485ed1ed370" providerId="ADAL" clId="{D00FD2DA-52AB-4AB7-87BB-A055188DBD38}" dt="2024-02-07T09:12:05.459" v="6"/>
          <ac:picMkLst>
            <pc:docMk/>
            <pc:sldMk cId="245014488" sldId="273"/>
            <ac:picMk id="3" creationId="{FC188BD4-BC31-85C8-02E8-FFB556CD85A7}"/>
          </ac:picMkLst>
        </pc:picChg>
        <pc:picChg chg="del">
          <ac:chgData name="Nataly Echezuria" userId="016cf74e-e64d-40ef-b55b-1485ed1ed370" providerId="ADAL" clId="{D00FD2DA-52AB-4AB7-87BB-A055188DBD38}" dt="2024-02-07T09:12:03.255" v="5" actId="478"/>
          <ac:picMkLst>
            <pc:docMk/>
            <pc:sldMk cId="245014488" sldId="273"/>
            <ac:picMk id="4" creationId="{4CCF0A1C-B79E-17E2-6AD9-B30DCA91EDAE}"/>
          </ac:picMkLst>
        </pc:picChg>
      </pc:sldChg>
      <pc:sldChg chg="setBg">
        <pc:chgData name="Nataly Echezuria" userId="016cf74e-e64d-40ef-b55b-1485ed1ed370" providerId="ADAL" clId="{D00FD2DA-52AB-4AB7-87BB-A055188DBD38}" dt="2024-02-07T09:11:55.571" v="4"/>
        <pc:sldMkLst>
          <pc:docMk/>
          <pc:sldMk cId="789460267" sldId="274"/>
        </pc:sldMkLst>
      </pc:sldChg>
      <pc:sldChg chg="addSp delSp modSp mod">
        <pc:chgData name="Nataly Echezuria" userId="016cf74e-e64d-40ef-b55b-1485ed1ed370" providerId="ADAL" clId="{D00FD2DA-52AB-4AB7-87BB-A055188DBD38}" dt="2024-02-07T09:11:20.008" v="2" actId="14100"/>
        <pc:sldMkLst>
          <pc:docMk/>
          <pc:sldMk cId="4180807186" sldId="275"/>
        </pc:sldMkLst>
        <pc:picChg chg="add mod">
          <ac:chgData name="Nataly Echezuria" userId="016cf74e-e64d-40ef-b55b-1485ed1ed370" providerId="ADAL" clId="{D00FD2DA-52AB-4AB7-87BB-A055188DBD38}" dt="2024-02-07T09:11:20.008" v="2" actId="14100"/>
          <ac:picMkLst>
            <pc:docMk/>
            <pc:sldMk cId="4180807186" sldId="275"/>
            <ac:picMk id="3" creationId="{FB9EAF09-72B7-1010-F5D7-6E760CC1A149}"/>
          </ac:picMkLst>
        </pc:picChg>
        <pc:picChg chg="del">
          <ac:chgData name="Nataly Echezuria" userId="016cf74e-e64d-40ef-b55b-1485ed1ed370" providerId="ADAL" clId="{D00FD2DA-52AB-4AB7-87BB-A055188DBD38}" dt="2024-02-07T09:11:08.301" v="0" actId="478"/>
          <ac:picMkLst>
            <pc:docMk/>
            <pc:sldMk cId="4180807186" sldId="275"/>
            <ac:picMk id="15" creationId="{801192EB-BC0B-0ABC-12C4-3A49D8766F70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13/02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2/13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cnsc.net/en/events/cns-partnership-conference/#tab-1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 descr="A river with a city in the background&#10;&#10;Description automatically generated">
            <a:extLst>
              <a:ext uri="{FF2B5EF4-FFF2-40B4-BE49-F238E27FC236}">
                <a16:creationId xmlns:a16="http://schemas.microsoft.com/office/drawing/2014/main" id="{A9FC014B-1050-5874-157B-8F12A79886A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29272744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CNS Partnership Conference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N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 noGrp="1" noRot="1" noMove="1" noResize="1" noEditPoints="1" noAdjustHandles="1" noChangeArrowheads="1" noChangeShapeType="1"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13FC28FF-0EE8-7081-06AC-27AE7CE0600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875711" y="3671421"/>
            <a:ext cx="4440579" cy="25116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-7735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877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A city skyline with a river and trees&#10;&#10;Description automatically generated with medium confidence">
            <a:extLst>
              <a:ext uri="{FF2B5EF4-FFF2-40B4-BE49-F238E27FC236}">
                <a16:creationId xmlns:a16="http://schemas.microsoft.com/office/drawing/2014/main" id="{CE62E719-1349-E115-9127-3E5DDC55CCE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E41CCA34E32074DB417872F41F0EFF9" ma:contentTypeVersion="14" ma:contentTypeDescription="Create a new document." ma:contentTypeScope="" ma:versionID="125584e1088ec4945367f16f2f59d029">
  <xsd:schema xmlns:xsd="http://www.w3.org/2001/XMLSchema" xmlns:xs="http://www.w3.org/2001/XMLSchema" xmlns:p="http://schemas.microsoft.com/office/2006/metadata/properties" xmlns:ns2="43dda14e-8201-4813-9ac0-22196d2ba9e8" xmlns:ns3="4e0a1d48-4cdc-4d75-9ca9-6125ef611860" targetNamespace="http://schemas.microsoft.com/office/2006/metadata/properties" ma:root="true" ma:fieldsID="611f95fa3c155964daf65a538a37d5dc" ns2:_="" ns3:_="">
    <xsd:import namespace="43dda14e-8201-4813-9ac0-22196d2ba9e8"/>
    <xsd:import namespace="4e0a1d48-4cdc-4d75-9ca9-6125ef61186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ObjectDetectorVersions" minOccurs="0"/>
                <xsd:element ref="ns2:lcf76f155ced4ddcb4097134ff3c332f" minOccurs="0"/>
                <xsd:element ref="ns3:TaxCatchAll" minOccurs="0"/>
                <xsd:element ref="ns2:MediaServiceDateTaken" minOccurs="0"/>
                <xsd:element ref="ns2:MediaServiceGenerationTime" minOccurs="0"/>
                <xsd:element ref="ns2:MediaServiceEventHashCode" minOccurs="0"/>
                <xsd:element ref="ns3:SharedWithUsers" minOccurs="0"/>
                <xsd:element ref="ns3:SharedWithDetails" minOccurs="0"/>
                <xsd:element ref="ns2:MediaServiceOCR" minOccurs="0"/>
                <xsd:element ref="ns2:MediaLengthInSecond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3dda14e-8201-4813-9ac0-22196d2ba9e8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ObjectDetectorVersions" ma:index="10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lcf76f155ced4ddcb4097134ff3c332f" ma:index="12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DateTaken" ma:index="14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e0a1d48-4cdc-4d75-9ca9-6125ef611860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2d90cd8f-905d-4deb-b411-8bbcde933f99}" ma:internalName="TaxCatchAll" ma:showField="CatchAllData" ma:web="4e0a1d48-4cdc-4d75-9ca9-6125ef61186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SharedWithUsers" ma:index="17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8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3dda14e-8201-4813-9ac0-22196d2ba9e8">
      <Terms xmlns="http://schemas.microsoft.com/office/infopath/2007/PartnerControls"/>
    </lcf76f155ced4ddcb4097134ff3c332f>
    <TaxCatchAll xmlns="4e0a1d48-4cdc-4d75-9ca9-6125ef611860" xsi:nil="true"/>
    <SharedWithUsers xmlns="4e0a1d48-4cdc-4d75-9ca9-6125ef611860">
      <UserInfo>
        <DisplayName/>
        <AccountId xsi:nil="true"/>
        <AccountType/>
      </UserInfo>
    </SharedWithUsers>
    <MediaLengthInSeconds xmlns="43dda14e-8201-4813-9ac0-22196d2ba9e8" xsi:nil="true"/>
  </documentManagement>
</p:properties>
</file>

<file path=customXml/itemProps1.xml><?xml version="1.0" encoding="utf-8"?>
<ds:datastoreItem xmlns:ds="http://schemas.openxmlformats.org/officeDocument/2006/customXml" ds:itemID="{BC527F7A-1E05-4393-B291-CC9E9C090F0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3dda14e-8201-4813-9ac0-22196d2ba9e8"/>
    <ds:schemaRef ds:uri="4e0a1d48-4cdc-4d75-9ca9-6125ef61186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34183C6-7270-4AC2-9CD2-45B68A49FD3D}">
  <ds:schemaRefs>
    <ds:schemaRef ds:uri="http://purl.org/dc/elements/1.1/"/>
    <ds:schemaRef ds:uri="http://schemas.microsoft.com/office/2006/metadata/properties"/>
    <ds:schemaRef ds:uri="http://purl.org/dc/terms/"/>
    <ds:schemaRef ds:uri="http://schemas.microsoft.com/office/2006/documentManagement/types"/>
    <ds:schemaRef ds:uri="43dda14e-8201-4813-9ac0-22196d2ba9e8"/>
    <ds:schemaRef ds:uri="http://schemas.microsoft.com/office/infopath/2007/PartnerControls"/>
    <ds:schemaRef ds:uri="4e0a1d48-4cdc-4d75-9ca9-6125ef611860"/>
    <ds:schemaRef ds:uri="http://schemas.openxmlformats.org/package/2006/metadata/core-properties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23</TotalTime>
  <Words>113</Words>
  <Application>Microsoft Office PowerPoint</Application>
  <PresentationFormat>Widescreen</PresentationFormat>
  <Paragraphs>8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9" baseType="lpstr">
      <vt:lpstr>Aktiv Grotesk</vt:lpstr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Nataly Echezuria</cp:lastModifiedBy>
  <cp:revision>3</cp:revision>
  <dcterms:created xsi:type="dcterms:W3CDTF">2023-06-13T12:34:15Z</dcterms:created>
  <dcterms:modified xsi:type="dcterms:W3CDTF">2024-02-13T09:09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3E41CCA34E32074DB417872F41F0EFF9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